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b70522\Desktop\"/>
    </mc:Choice>
  </mc:AlternateContent>
  <xr:revisionPtr revIDLastSave="0" documentId="8_{B31CEA1C-58FF-44B8-8762-0C1D0224FAF8}" xr6:coauthVersionLast="47" xr6:coauthVersionMax="47" xr10:uidLastSave="{00000000-0000-0000-0000-000000000000}"/>
  <bookViews>
    <workbookView xWindow="-120" yWindow="-120" windowWidth="29040" windowHeight="15720" xr2:uid="{41E87015-5416-41E4-B380-F813BE9CA512}"/>
  </bookViews>
  <sheets>
    <sheet name="234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34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40" uniqueCount="32">
  <si>
    <t>名称№２３４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殺菌乾燥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寝具類</t>
  </si>
  <si>
    <t>掛け布団（宿泊施設用）</t>
  </si>
  <si>
    <t>枚</t>
  </si>
  <si>
    <t>敷布団（宿泊施設用）</t>
  </si>
  <si>
    <t>毛布（宿泊施設用）</t>
  </si>
  <si>
    <t>枕（宿泊施設用）</t>
  </si>
  <si>
    <t>個</t>
  </si>
  <si>
    <t>ベッドマット（宿泊施設用）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芝井　静男　様</t>
    <rPh sb="1" eb="3">
      <t>コウツウ</t>
    </rPh>
    <rPh sb="3" eb="5">
      <t>キョクチョウ</t>
    </rPh>
    <rPh sb="6" eb="7">
      <t>シバ</t>
    </rPh>
    <rPh sb="7" eb="8">
      <t>イ</t>
    </rPh>
    <rPh sb="9" eb="11">
      <t>シズオ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3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DED0AF86-CAE4-44C6-A84F-246C2EAD3A81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L21010-s-104\110&#32207;&#21209;&#35506;\112&#22865;&#32004;&#20418;\&#9670;&#21336;&#20385;&#22865;&#32004;\R8\&#9314;&#19968;&#33324;&#31478;&#20105;&#20837;&#26413;\3.&#21578;&#31034;&#36215;&#26696;&#65288;&#26989;&#21209;&#22996;&#35351;&#12288;&#65298;&#38917;&#30446;&#20197;&#19978;&#65289;\&#20304;&#12293;&#26408;\&#20837;&#26413;&#26360;&#65288;&#26989;&#21209;&#65298;&#38917;&#30446;&#20197;&#19978;&#65289;&#8251;&#35336;&#31639;&#24335;&#12459;&#12483;&#12488;.xlsx" TargetMode="External"/><Relationship Id="rId1" Type="http://schemas.openxmlformats.org/officeDocument/2006/relationships/externalLinkPath" Target="file:///\\L21010-s-104\110&#32207;&#21209;&#35506;\112&#22865;&#32004;&#20418;\&#9670;&#21336;&#20385;&#22865;&#32004;\R8\&#9314;&#19968;&#33324;&#31478;&#20105;&#20837;&#26413;\3.&#21578;&#31034;&#36215;&#26696;&#65288;&#26989;&#21209;&#22996;&#35351;&#12288;&#65298;&#38917;&#30446;&#20197;&#19978;&#65289;\&#20304;&#12293;&#26408;\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201"/>
      <sheetName val="220"/>
      <sheetName val="227"/>
      <sheetName val="234"/>
      <sheetName val="237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E1D49D4-95F5-4901-9474-82CE463F42FA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F15" sqref="F15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0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6.75" customHeight="1" x14ac:dyDescent="0.15">
      <c r="B2" s="7"/>
      <c r="C2" s="7"/>
      <c r="D2" s="8"/>
      <c r="E2" s="8"/>
      <c r="F2" s="9"/>
      <c r="G2" s="8"/>
      <c r="H2" s="8"/>
    </row>
    <row r="3" spans="1:10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0" ht="36.75" customHeight="1" x14ac:dyDescent="0.15">
      <c r="A7" s="18"/>
      <c r="B7" s="19" t="s">
        <v>5</v>
      </c>
      <c r="C7" s="19"/>
      <c r="D7" s="19"/>
    </row>
    <row r="8" spans="1:10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0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1086</v>
      </c>
      <c r="G9" s="32"/>
      <c r="H9" s="33"/>
    </row>
    <row r="10" spans="1:10" ht="24.95" customHeight="1" x14ac:dyDescent="0.15">
      <c r="A10" s="26">
        <v>1</v>
      </c>
      <c r="B10" s="34" t="s">
        <v>12</v>
      </c>
      <c r="C10" s="35">
        <v>2</v>
      </c>
      <c r="D10" s="36" t="s">
        <v>15</v>
      </c>
      <c r="E10" s="37" t="s">
        <v>14</v>
      </c>
      <c r="F10" s="31">
        <v>1055</v>
      </c>
      <c r="G10" s="38"/>
      <c r="H10" s="33"/>
    </row>
    <row r="11" spans="1:10" ht="24.95" customHeight="1" x14ac:dyDescent="0.15">
      <c r="A11" s="26">
        <v>1</v>
      </c>
      <c r="B11" s="34" t="s">
        <v>12</v>
      </c>
      <c r="C11" s="35">
        <v>3</v>
      </c>
      <c r="D11" s="36" t="s">
        <v>16</v>
      </c>
      <c r="E11" s="37" t="s">
        <v>14</v>
      </c>
      <c r="F11" s="31">
        <v>271</v>
      </c>
      <c r="G11" s="38"/>
      <c r="H11" s="33"/>
    </row>
    <row r="12" spans="1:10" ht="24.95" customHeight="1" x14ac:dyDescent="0.15">
      <c r="A12" s="26">
        <v>1</v>
      </c>
      <c r="B12" s="34" t="s">
        <v>12</v>
      </c>
      <c r="C12" s="35">
        <v>4</v>
      </c>
      <c r="D12" s="36" t="s">
        <v>17</v>
      </c>
      <c r="E12" s="37" t="s">
        <v>18</v>
      </c>
      <c r="F12" s="31">
        <v>1120</v>
      </c>
      <c r="G12" s="38"/>
      <c r="H12" s="33"/>
    </row>
    <row r="13" spans="1:10" ht="24.95" customHeight="1" x14ac:dyDescent="0.15">
      <c r="A13" s="39">
        <v>1</v>
      </c>
      <c r="B13" s="40" t="s">
        <v>12</v>
      </c>
      <c r="C13" s="39">
        <v>5</v>
      </c>
      <c r="D13" s="41" t="s">
        <v>19</v>
      </c>
      <c r="E13" s="42" t="s">
        <v>14</v>
      </c>
      <c r="F13" s="43">
        <v>322</v>
      </c>
      <c r="G13" s="44"/>
      <c r="H13" s="45"/>
    </row>
    <row r="14" spans="1:10" ht="24.95" customHeight="1" x14ac:dyDescent="0.15">
      <c r="A14" s="26" t="e">
        <v>#N/A</v>
      </c>
      <c r="B14" s="46" t="e">
        <v>#N/A</v>
      </c>
      <c r="C14" s="26" t="e">
        <v>#N/A</v>
      </c>
      <c r="D14" s="47" t="e">
        <v>#N/A</v>
      </c>
      <c r="E14" s="48" t="e">
        <v>#N/A</v>
      </c>
      <c r="F14" s="49" t="e">
        <v>#N/A</v>
      </c>
      <c r="G14" s="50"/>
      <c r="H14" s="51"/>
    </row>
    <row r="15" spans="1:10" ht="24.95" customHeight="1" x14ac:dyDescent="0.15">
      <c r="A15" s="26"/>
      <c r="B15" s="34"/>
      <c r="C15" s="35"/>
      <c r="D15" s="36"/>
      <c r="E15" s="37"/>
      <c r="F15" s="31"/>
      <c r="G15" s="52"/>
      <c r="H15" s="33"/>
    </row>
    <row r="16" spans="1:10" ht="24.95" customHeight="1" x14ac:dyDescent="0.15">
      <c r="A16" s="26"/>
      <c r="B16" s="34"/>
      <c r="C16" s="35"/>
      <c r="D16" s="36"/>
      <c r="E16" s="37"/>
      <c r="F16" s="31"/>
      <c r="G16" s="38"/>
      <c r="H16" s="33"/>
    </row>
    <row r="17" spans="1:8" ht="24.95" customHeight="1" x14ac:dyDescent="0.15">
      <c r="A17" s="26"/>
      <c r="B17" s="34"/>
      <c r="C17" s="35"/>
      <c r="D17" s="36"/>
      <c r="E17" s="37"/>
      <c r="F17" s="31"/>
      <c r="G17" s="38"/>
      <c r="H17" s="33"/>
    </row>
    <row r="18" spans="1:8" ht="24.95" customHeight="1" x14ac:dyDescent="0.15">
      <c r="A18" s="39"/>
      <c r="B18" s="40"/>
      <c r="C18" s="39"/>
      <c r="D18" s="41"/>
      <c r="E18" s="42"/>
      <c r="F18" s="43"/>
      <c r="G18" s="53"/>
      <c r="H18" s="45"/>
    </row>
    <row r="19" spans="1:8" ht="24.95" customHeight="1" x14ac:dyDescent="0.15">
      <c r="A19" s="26"/>
      <c r="B19" s="46"/>
      <c r="C19" s="26"/>
      <c r="D19" s="47"/>
      <c r="E19" s="48"/>
      <c r="F19" s="49"/>
      <c r="G19" s="52"/>
      <c r="H19" s="51"/>
    </row>
    <row r="20" spans="1:8" ht="24.95" customHeight="1" x14ac:dyDescent="0.15">
      <c r="A20" s="26"/>
      <c r="B20" s="34"/>
      <c r="C20" s="35"/>
      <c r="D20" s="36"/>
      <c r="E20" s="37"/>
      <c r="F20" s="31"/>
      <c r="G20" s="38"/>
      <c r="H20" s="33"/>
    </row>
    <row r="21" spans="1:8" ht="24.95" customHeight="1" x14ac:dyDescent="0.15">
      <c r="A21" s="26"/>
      <c r="B21" s="34"/>
      <c r="C21" s="35"/>
      <c r="D21" s="36"/>
      <c r="E21" s="37"/>
      <c r="F21" s="31"/>
      <c r="G21" s="38"/>
      <c r="H21" s="33"/>
    </row>
    <row r="22" spans="1:8" ht="24.95" customHeight="1" x14ac:dyDescent="0.15">
      <c r="A22" s="26"/>
      <c r="B22" s="34"/>
      <c r="C22" s="35"/>
      <c r="D22" s="36"/>
      <c r="E22" s="37"/>
      <c r="F22" s="31"/>
      <c r="G22" s="38"/>
      <c r="H22" s="33"/>
    </row>
    <row r="23" spans="1:8" ht="24.95" customHeight="1" x14ac:dyDescent="0.15">
      <c r="A23" s="39"/>
      <c r="B23" s="40"/>
      <c r="C23" s="39"/>
      <c r="D23" s="41"/>
      <c r="E23" s="42"/>
      <c r="F23" s="43"/>
      <c r="G23" s="44"/>
      <c r="H23" s="45"/>
    </row>
    <row r="24" spans="1:8" ht="24.95" customHeight="1" x14ac:dyDescent="0.15">
      <c r="A24" s="26"/>
      <c r="B24" s="46"/>
      <c r="C24" s="26"/>
      <c r="D24" s="47"/>
      <c r="E24" s="54"/>
      <c r="F24" s="49"/>
      <c r="G24" s="55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26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39"/>
      <c r="B28" s="40"/>
      <c r="C28" s="39"/>
      <c r="D28" s="57"/>
      <c r="E28" s="39"/>
      <c r="F28" s="43"/>
      <c r="G28" s="53"/>
      <c r="H28" s="58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9"/>
      <c r="F33" s="43"/>
      <c r="G33" s="4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5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53"/>
      <c r="H38" s="33"/>
    </row>
    <row r="39" spans="1:8" ht="24.95" customHeight="1" thickBot="1" x14ac:dyDescent="0.2">
      <c r="A39" s="60" t="s">
        <v>20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21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22</v>
      </c>
      <c r="H42" s="65"/>
    </row>
    <row r="43" spans="1:8" ht="20.100000000000001" customHeight="1" x14ac:dyDescent="0.15">
      <c r="A43" s="65"/>
      <c r="B43" s="65" t="s">
        <v>23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24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25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26</v>
      </c>
      <c r="E46" s="65"/>
      <c r="F46" s="65"/>
      <c r="G46" s="65"/>
      <c r="H46" s="66" t="s">
        <v>27</v>
      </c>
    </row>
    <row r="47" spans="1:8" ht="20.100000000000001" customHeight="1" x14ac:dyDescent="0.15">
      <c r="A47" s="65"/>
      <c r="B47" s="65"/>
      <c r="C47" s="65"/>
      <c r="D47" s="66" t="s">
        <v>28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29</v>
      </c>
      <c r="E49" s="65"/>
      <c r="F49" s="68"/>
      <c r="G49" s="65"/>
      <c r="H49" s="66" t="s">
        <v>27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30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31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40">
    <cfRule type="expression" dxfId="2" priority="2" stopIfTrue="1">
      <formula>ISERROR(B9)</formula>
    </cfRule>
  </conditionalFormatting>
  <conditionalFormatting sqref="B9:G38">
    <cfRule type="expression" dxfId="1" priority="3" stopIfTrue="1">
      <formula>ISERROR(B9)</formula>
    </cfRule>
  </conditionalFormatting>
  <conditionalFormatting sqref="H9:H39">
    <cfRule type="expression" dxfId="0" priority="1" stopIfTrue="1">
      <formula>ISERROR(H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4</vt:lpstr>
      <vt:lpstr>'234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佐々木 春日</dc:creator>
  <cp:lastModifiedBy>佐々木 春日</cp:lastModifiedBy>
  <dcterms:created xsi:type="dcterms:W3CDTF">2026-02-10T12:35:09Z</dcterms:created>
  <dcterms:modified xsi:type="dcterms:W3CDTF">2026-02-10T12:35:17Z</dcterms:modified>
</cp:coreProperties>
</file>